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3584" autoAdjust="0"/>
  </p:normalViewPr>
  <p:slideViewPr>
    <p:cSldViewPr snapToGrid="0">
      <p:cViewPr varScale="1">
        <p:scale>
          <a:sx n="100" d="100"/>
          <a:sy n="100" d="100"/>
        </p:scale>
        <p:origin x="1008" y="7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els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6B7860C9-A1DE-FC22-0E95-5D5582971C5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2347" y="4560411"/>
            <a:ext cx="2676129"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chermopname&#10;&#10;Automatisch gegenereerde beschrijving">
            <a:extLst>
              <a:ext uri="{FF2B5EF4-FFF2-40B4-BE49-F238E27FC236}">
                <a16:creationId xmlns:a16="http://schemas.microsoft.com/office/drawing/2014/main" id="{A1DBFB42-EC14-6CDE-64FD-78ED4770806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2120" y="3843690"/>
            <a:ext cx="1865529" cy="146630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28T14:08:14Z</dcterms:modified>
</cp:coreProperties>
</file>